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0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1-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1-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valkenburg/"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6E34A8BE-2B7B-D6CE-DEB8-CE94B9DDA05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20866" y="4859607"/>
            <a:ext cx="1288860" cy="178893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47FA8EF1-F701-7080-AF4E-DA67EDE13E49}"/>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49841" y="3857624"/>
            <a:ext cx="1098051" cy="152409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5</cp:revision>
  <dcterms:created xsi:type="dcterms:W3CDTF">2019-07-30T10:24:44Z</dcterms:created>
  <dcterms:modified xsi:type="dcterms:W3CDTF">2024-10-21T07:47:47Z</dcterms:modified>
</cp:coreProperties>
</file>